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３.　給付\ＸＬＳ\"/>
    </mc:Choice>
  </mc:AlternateContent>
  <bookViews>
    <workbookView xWindow="0" yWindow="0" windowWidth="20490" windowHeight="7185"/>
  </bookViews>
  <sheets>
    <sheet name="一人当たり前期諸費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人当たり前期諸費!$A$1:$Q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4" uniqueCount="64">
  <si>
    <t>３.給付（８）　一人当たり医療費の推移（前期高齢者分）</t>
    <rPh sb="13" eb="15">
      <t>イリョウ</t>
    </rPh>
    <rPh sb="15" eb="16">
      <t>ヒ</t>
    </rPh>
    <phoneticPr fontId="4"/>
  </si>
  <si>
    <t>保険者名</t>
  </si>
  <si>
    <t>24年度</t>
    <phoneticPr fontId="4"/>
  </si>
  <si>
    <t>25年度</t>
    <phoneticPr fontId="4"/>
  </si>
  <si>
    <t>26年度</t>
    <phoneticPr fontId="4"/>
  </si>
  <si>
    <t>27年度</t>
    <phoneticPr fontId="4"/>
  </si>
  <si>
    <t>28年度</t>
    <phoneticPr fontId="4"/>
  </si>
  <si>
    <t>費用額</t>
  </si>
  <si>
    <t>順</t>
  </si>
  <si>
    <t>23→24</t>
    <phoneticPr fontId="4"/>
  </si>
  <si>
    <t>24→25</t>
    <phoneticPr fontId="4"/>
  </si>
  <si>
    <t>25→26</t>
  </si>
  <si>
    <t>26→27</t>
    <phoneticPr fontId="4"/>
  </si>
  <si>
    <t>27→28</t>
    <phoneticPr fontId="4"/>
  </si>
  <si>
    <t>（円）</t>
  </si>
  <si>
    <t>伸率%</t>
  </si>
  <si>
    <t>位</t>
    <phoneticPr fontId="4"/>
  </si>
  <si>
    <t>伸率%</t>
    <phoneticPr fontId="4"/>
  </si>
  <si>
    <t>位</t>
  </si>
  <si>
    <t xml:space="preserve"> 横浜市</t>
  </si>
  <si>
    <t>－</t>
    <phoneticPr fontId="4"/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－</t>
    <phoneticPr fontId="4"/>
  </si>
  <si>
    <t>－</t>
  </si>
  <si>
    <t>組 合 平 均</t>
    <phoneticPr fontId="4"/>
  </si>
  <si>
    <t>県   平   均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7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/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155">
    <xf numFmtId="0" fontId="0" fillId="0" borderId="0" xfId="0"/>
    <xf numFmtId="49" fontId="2" fillId="0" borderId="0" xfId="1" applyNumberFormat="1" applyFont="1"/>
    <xf numFmtId="38" fontId="5" fillId="0" borderId="0" xfId="1" applyFont="1"/>
    <xf numFmtId="38" fontId="6" fillId="0" borderId="0" xfId="1" quotePrefix="1" applyFont="1"/>
    <xf numFmtId="38" fontId="5" fillId="0" borderId="0" xfId="1" quotePrefix="1" applyFont="1"/>
    <xf numFmtId="38" fontId="5" fillId="0" borderId="13" xfId="1" quotePrefix="1" applyFont="1" applyBorder="1" applyAlignment="1">
      <alignment horizontal="center"/>
    </xf>
    <xf numFmtId="38" fontId="5" fillId="0" borderId="0" xfId="1" applyFont="1" applyBorder="1" applyAlignment="1">
      <alignment horizontal="center"/>
    </xf>
    <xf numFmtId="38" fontId="5" fillId="0" borderId="14" xfId="1" applyFont="1" applyBorder="1" applyAlignment="1">
      <alignment horizontal="center"/>
    </xf>
    <xf numFmtId="38" fontId="5" fillId="0" borderId="15" xfId="1" applyFont="1" applyBorder="1" applyAlignment="1">
      <alignment horizontal="center"/>
    </xf>
    <xf numFmtId="38" fontId="5" fillId="0" borderId="12" xfId="1" applyFont="1" applyBorder="1" applyAlignment="1">
      <alignment horizontal="center"/>
    </xf>
    <xf numFmtId="38" fontId="5" fillId="0" borderId="16" xfId="1" quotePrefix="1" applyFont="1" applyBorder="1" applyAlignment="1">
      <alignment horizontal="center"/>
    </xf>
    <xf numFmtId="38" fontId="5" fillId="0" borderId="15" xfId="1" quotePrefix="1" applyFont="1" applyBorder="1" applyAlignment="1">
      <alignment horizontal="center"/>
    </xf>
    <xf numFmtId="38" fontId="5" fillId="0" borderId="17" xfId="1" applyFont="1" applyBorder="1" applyAlignment="1">
      <alignment horizontal="center"/>
    </xf>
    <xf numFmtId="38" fontId="5" fillId="0" borderId="18" xfId="1" applyFont="1" applyBorder="1" applyAlignment="1">
      <alignment horizontal="center"/>
    </xf>
    <xf numFmtId="38" fontId="5" fillId="0" borderId="19" xfId="1" quotePrefix="1" applyFont="1" applyBorder="1" applyAlignment="1">
      <alignment horizontal="center"/>
    </xf>
    <xf numFmtId="38" fontId="5" fillId="0" borderId="20" xfId="1" quotePrefix="1" applyFont="1" applyBorder="1" applyAlignment="1">
      <alignment horizontal="center"/>
    </xf>
    <xf numFmtId="38" fontId="5" fillId="0" borderId="23" xfId="1" applyFont="1" applyBorder="1" applyAlignment="1">
      <alignment horizontal="center"/>
    </xf>
    <xf numFmtId="38" fontId="5" fillId="0" borderId="24" xfId="1" applyFont="1" applyBorder="1" applyAlignment="1">
      <alignment horizontal="center"/>
    </xf>
    <xf numFmtId="38" fontId="5" fillId="0" borderId="25" xfId="1" applyFont="1" applyBorder="1" applyAlignment="1">
      <alignment horizontal="centerContinuous"/>
    </xf>
    <xf numFmtId="38" fontId="5" fillId="0" borderId="26" xfId="1" applyFont="1" applyBorder="1" applyAlignment="1">
      <alignment horizontal="centerContinuous"/>
    </xf>
    <xf numFmtId="38" fontId="5" fillId="0" borderId="24" xfId="1" applyFont="1" applyBorder="1" applyAlignment="1">
      <alignment horizontal="centerContinuous"/>
    </xf>
    <xf numFmtId="38" fontId="5" fillId="0" borderId="27" xfId="1" applyFont="1" applyBorder="1" applyAlignment="1">
      <alignment horizontal="center"/>
    </xf>
    <xf numFmtId="38" fontId="5" fillId="0" borderId="26" xfId="1" applyFont="1" applyBorder="1" applyAlignment="1">
      <alignment horizontal="center"/>
    </xf>
    <xf numFmtId="38" fontId="5" fillId="0" borderId="25" xfId="1" applyFont="1" applyBorder="1" applyAlignment="1">
      <alignment horizontal="center"/>
    </xf>
    <xf numFmtId="38" fontId="5" fillId="0" borderId="28" xfId="1" applyFont="1" applyBorder="1" applyAlignment="1">
      <alignment horizontal="centerContinuous"/>
    </xf>
    <xf numFmtId="38" fontId="5" fillId="0" borderId="10" xfId="1" applyFont="1" applyBorder="1"/>
    <xf numFmtId="38" fontId="7" fillId="0" borderId="29" xfId="1" applyFont="1" applyBorder="1"/>
    <xf numFmtId="38" fontId="5" fillId="0" borderId="31" xfId="1" applyFont="1" applyBorder="1"/>
    <xf numFmtId="38" fontId="5" fillId="0" borderId="35" xfId="1" applyNumberFormat="1" applyFont="1" applyBorder="1" applyAlignment="1">
      <alignment horizontal="right"/>
    </xf>
    <xf numFmtId="38" fontId="5" fillId="0" borderId="35" xfId="1" applyFont="1" applyBorder="1" applyAlignment="1">
      <alignment horizontal="right"/>
    </xf>
    <xf numFmtId="38" fontId="5" fillId="0" borderId="34" xfId="1" applyNumberFormat="1" applyFont="1" applyBorder="1" applyAlignment="1">
      <alignment horizontal="right"/>
    </xf>
    <xf numFmtId="38" fontId="5" fillId="0" borderId="30" xfId="1" applyNumberFormat="1" applyFont="1" applyBorder="1" applyAlignment="1">
      <alignment horizontal="right"/>
    </xf>
    <xf numFmtId="38" fontId="5" fillId="0" borderId="33" xfId="2" applyFont="1" applyBorder="1"/>
    <xf numFmtId="38" fontId="5" fillId="0" borderId="31" xfId="2" applyFont="1" applyBorder="1"/>
    <xf numFmtId="38" fontId="5" fillId="0" borderId="34" xfId="2" applyNumberFormat="1" applyFont="1" applyBorder="1" applyAlignment="1">
      <alignment horizontal="right"/>
    </xf>
    <xf numFmtId="38" fontId="5" fillId="0" borderId="35" xfId="2" applyNumberFormat="1" applyFont="1" applyBorder="1" applyAlignment="1">
      <alignment horizontal="right"/>
    </xf>
    <xf numFmtId="2" fontId="5" fillId="0" borderId="32" xfId="2" applyNumberFormat="1" applyFont="1" applyBorder="1" applyAlignment="1">
      <alignment horizontal="right"/>
    </xf>
    <xf numFmtId="38" fontId="5" fillId="0" borderId="34" xfId="1" applyFont="1" applyBorder="1"/>
    <xf numFmtId="38" fontId="5" fillId="0" borderId="0" xfId="1" applyFont="1" applyBorder="1"/>
    <xf numFmtId="38" fontId="5" fillId="0" borderId="33" xfId="1" applyFont="1" applyBorder="1" applyAlignment="1">
      <alignment horizontal="right"/>
    </xf>
    <xf numFmtId="38" fontId="5" fillId="0" borderId="37" xfId="1" applyFont="1" applyBorder="1"/>
    <xf numFmtId="38" fontId="7" fillId="0" borderId="38" xfId="1" applyFont="1" applyBorder="1"/>
    <xf numFmtId="38" fontId="5" fillId="0" borderId="39" xfId="1" applyFont="1" applyBorder="1"/>
    <xf numFmtId="38" fontId="5" fillId="0" borderId="43" xfId="1" applyFont="1" applyBorder="1"/>
    <xf numFmtId="38" fontId="5" fillId="0" borderId="14" xfId="1" applyFont="1" applyBorder="1"/>
    <xf numFmtId="38" fontId="5" fillId="0" borderId="42" xfId="1" applyFont="1" applyBorder="1"/>
    <xf numFmtId="38" fontId="5" fillId="0" borderId="15" xfId="1" applyNumberFormat="1" applyFont="1" applyBorder="1" applyAlignment="1">
      <alignment horizontal="right"/>
    </xf>
    <xf numFmtId="38" fontId="5" fillId="0" borderId="15" xfId="1" applyFont="1" applyBorder="1" applyAlignment="1">
      <alignment horizontal="right"/>
    </xf>
    <xf numFmtId="38" fontId="5" fillId="0" borderId="14" xfId="1" applyNumberFormat="1" applyFont="1" applyBorder="1" applyAlignment="1">
      <alignment horizontal="right"/>
    </xf>
    <xf numFmtId="38" fontId="5" fillId="0" borderId="19" xfId="1" applyFont="1" applyBorder="1" applyAlignment="1">
      <alignment horizontal="right"/>
    </xf>
    <xf numFmtId="38" fontId="5" fillId="0" borderId="19" xfId="2" applyFont="1" applyBorder="1"/>
    <xf numFmtId="38" fontId="5" fillId="0" borderId="43" xfId="2" applyFont="1" applyBorder="1"/>
    <xf numFmtId="38" fontId="5" fillId="0" borderId="42" xfId="2" applyNumberFormat="1" applyFont="1" applyBorder="1" applyAlignment="1">
      <alignment horizontal="right"/>
    </xf>
    <xf numFmtId="38" fontId="5" fillId="0" borderId="44" xfId="2" applyNumberFormat="1" applyFont="1" applyBorder="1" applyAlignment="1">
      <alignment horizontal="right"/>
    </xf>
    <xf numFmtId="2" fontId="5" fillId="0" borderId="40" xfId="2" applyNumberFormat="1" applyFont="1" applyBorder="1" applyAlignment="1">
      <alignment horizontal="right"/>
    </xf>
    <xf numFmtId="38" fontId="5" fillId="0" borderId="23" xfId="1" applyFont="1" applyBorder="1"/>
    <xf numFmtId="38" fontId="5" fillId="0" borderId="46" xfId="1" applyFont="1" applyBorder="1"/>
    <xf numFmtId="38" fontId="5" fillId="0" borderId="47" xfId="1" applyNumberFormat="1" applyFont="1" applyBorder="1" applyAlignment="1">
      <alignment horizontal="right"/>
    </xf>
    <xf numFmtId="38" fontId="5" fillId="0" borderId="47" xfId="1" applyFont="1" applyBorder="1" applyAlignment="1">
      <alignment horizontal="right"/>
    </xf>
    <xf numFmtId="38" fontId="5" fillId="0" borderId="50" xfId="1" applyNumberFormat="1" applyFont="1" applyBorder="1" applyAlignment="1">
      <alignment horizontal="right"/>
    </xf>
    <xf numFmtId="38" fontId="5" fillId="0" borderId="49" xfId="1" applyFont="1" applyBorder="1" applyAlignment="1">
      <alignment horizontal="right"/>
    </xf>
    <xf numFmtId="38" fontId="5" fillId="0" borderId="51" xfId="2" applyFont="1" applyBorder="1"/>
    <xf numFmtId="38" fontId="5" fillId="0" borderId="46" xfId="2" applyFont="1" applyBorder="1"/>
    <xf numFmtId="38" fontId="5" fillId="0" borderId="27" xfId="2" applyNumberFormat="1" applyFont="1" applyBorder="1" applyAlignment="1">
      <alignment horizontal="right"/>
    </xf>
    <xf numFmtId="38" fontId="5" fillId="0" borderId="26" xfId="2" applyNumberFormat="1" applyFont="1" applyBorder="1" applyAlignment="1">
      <alignment horizontal="right"/>
    </xf>
    <xf numFmtId="2" fontId="5" fillId="0" borderId="24" xfId="2" applyNumberFormat="1" applyFont="1" applyBorder="1" applyAlignment="1">
      <alignment horizontal="right"/>
    </xf>
    <xf numFmtId="38" fontId="5" fillId="0" borderId="50" xfId="1" applyFont="1" applyBorder="1"/>
    <xf numFmtId="38" fontId="5" fillId="0" borderId="52" xfId="1" applyFont="1" applyBorder="1"/>
    <xf numFmtId="38" fontId="5" fillId="0" borderId="44" xfId="1" applyNumberFormat="1" applyFont="1" applyBorder="1" applyAlignment="1">
      <alignment horizontal="right"/>
    </xf>
    <xf numFmtId="38" fontId="5" fillId="0" borderId="44" xfId="1" applyFont="1" applyBorder="1" applyAlignment="1">
      <alignment horizontal="right"/>
    </xf>
    <xf numFmtId="38" fontId="5" fillId="0" borderId="42" xfId="1" applyNumberFormat="1" applyFont="1" applyBorder="1" applyAlignment="1">
      <alignment horizontal="right"/>
    </xf>
    <xf numFmtId="38" fontId="5" fillId="0" borderId="53" xfId="1" applyFont="1" applyBorder="1" applyAlignment="1">
      <alignment horizontal="right"/>
    </xf>
    <xf numFmtId="38" fontId="5" fillId="0" borderId="41" xfId="2" applyFont="1" applyBorder="1"/>
    <xf numFmtId="38" fontId="5" fillId="0" borderId="39" xfId="2" applyFont="1" applyBorder="1"/>
    <xf numFmtId="38" fontId="7" fillId="0" borderId="55" xfId="1" applyFont="1" applyBorder="1"/>
    <xf numFmtId="38" fontId="5" fillId="0" borderId="27" xfId="1" applyFont="1" applyBorder="1"/>
    <xf numFmtId="38" fontId="5" fillId="0" borderId="26" xfId="1" applyNumberFormat="1" applyFont="1" applyBorder="1" applyAlignment="1">
      <alignment horizontal="right"/>
    </xf>
    <xf numFmtId="38" fontId="5" fillId="0" borderId="26" xfId="1" applyFont="1" applyBorder="1" applyAlignment="1">
      <alignment horizontal="right"/>
    </xf>
    <xf numFmtId="38" fontId="5" fillId="0" borderId="27" xfId="1" applyNumberFormat="1" applyFont="1" applyBorder="1" applyAlignment="1">
      <alignment horizontal="right"/>
    </xf>
    <xf numFmtId="38" fontId="5" fillId="0" borderId="25" xfId="1" applyFont="1" applyBorder="1" applyAlignment="1">
      <alignment horizontal="right"/>
    </xf>
    <xf numFmtId="38" fontId="5" fillId="0" borderId="25" xfId="2" applyFont="1" applyBorder="1"/>
    <xf numFmtId="38" fontId="5" fillId="0" borderId="23" xfId="2" applyFont="1" applyBorder="1"/>
    <xf numFmtId="38" fontId="5" fillId="0" borderId="60" xfId="1" applyFont="1" applyBorder="1"/>
    <xf numFmtId="38" fontId="5" fillId="0" borderId="61" xfId="1" applyFont="1" applyBorder="1" applyAlignment="1">
      <alignment horizontal="center"/>
    </xf>
    <xf numFmtId="38" fontId="5" fillId="0" borderId="62" xfId="1" applyNumberFormat="1" applyFont="1" applyBorder="1" applyAlignment="1">
      <alignment horizontal="center"/>
    </xf>
    <xf numFmtId="38" fontId="5" fillId="0" borderId="18" xfId="1" applyNumberFormat="1" applyFont="1" applyBorder="1" applyAlignment="1">
      <alignment horizontal="center"/>
    </xf>
    <xf numFmtId="38" fontId="5" fillId="0" borderId="17" xfId="1" applyNumberFormat="1" applyFont="1" applyBorder="1" applyAlignment="1">
      <alignment horizontal="right"/>
    </xf>
    <xf numFmtId="38" fontId="5" fillId="0" borderId="0" xfId="1" applyFont="1" applyBorder="1" applyAlignment="1">
      <alignment horizontal="right"/>
    </xf>
    <xf numFmtId="40" fontId="5" fillId="0" borderId="18" xfId="1" applyNumberFormat="1" applyFont="1" applyBorder="1" applyAlignment="1">
      <alignment horizontal="right"/>
    </xf>
    <xf numFmtId="38" fontId="5" fillId="0" borderId="0" xfId="2" applyFont="1" applyBorder="1"/>
    <xf numFmtId="38" fontId="5" fillId="0" borderId="61" xfId="2" applyFont="1" applyBorder="1" applyAlignment="1">
      <alignment horizontal="center"/>
    </xf>
    <xf numFmtId="38" fontId="5" fillId="0" borderId="17" xfId="2" applyNumberFormat="1" applyFont="1" applyBorder="1" applyAlignment="1">
      <alignment horizontal="right"/>
    </xf>
    <xf numFmtId="38" fontId="5" fillId="0" borderId="18" xfId="2" applyNumberFormat="1" applyFont="1" applyBorder="1" applyAlignment="1">
      <alignment horizontal="right"/>
    </xf>
    <xf numFmtId="2" fontId="5" fillId="0" borderId="16" xfId="2" applyNumberFormat="1" applyFont="1" applyBorder="1" applyAlignment="1">
      <alignment horizontal="right"/>
    </xf>
    <xf numFmtId="38" fontId="5" fillId="0" borderId="17" xfId="1" applyFont="1" applyBorder="1"/>
    <xf numFmtId="38" fontId="5" fillId="0" borderId="60" xfId="1" applyNumberFormat="1" applyFont="1" applyBorder="1" applyAlignment="1">
      <alignment horizontal="right"/>
    </xf>
    <xf numFmtId="38" fontId="5" fillId="0" borderId="64" xfId="1" applyFont="1" applyBorder="1" applyAlignment="1">
      <alignment horizontal="right"/>
    </xf>
    <xf numFmtId="40" fontId="5" fillId="0" borderId="62" xfId="1" applyNumberFormat="1" applyFont="1" applyBorder="1" applyAlignment="1">
      <alignment horizontal="right"/>
    </xf>
    <xf numFmtId="38" fontId="5" fillId="0" borderId="59" xfId="2" applyFont="1" applyBorder="1"/>
    <xf numFmtId="38" fontId="5" fillId="0" borderId="67" xfId="2" applyNumberFormat="1" applyFont="1" applyBorder="1" applyAlignment="1">
      <alignment horizontal="right"/>
    </xf>
    <xf numFmtId="38" fontId="5" fillId="0" borderId="68" xfId="2" applyNumberFormat="1" applyFont="1" applyBorder="1" applyAlignment="1">
      <alignment horizontal="right"/>
    </xf>
    <xf numFmtId="2" fontId="5" fillId="0" borderId="69" xfId="2" applyNumberFormat="1" applyFont="1" applyBorder="1" applyAlignment="1">
      <alignment horizontal="right"/>
    </xf>
    <xf numFmtId="38" fontId="5" fillId="0" borderId="72" xfId="1" applyFont="1" applyBorder="1"/>
    <xf numFmtId="38" fontId="5" fillId="0" borderId="73" xfId="1" applyFont="1" applyBorder="1" applyAlignment="1">
      <alignment horizontal="center"/>
    </xf>
    <xf numFmtId="38" fontId="5" fillId="0" borderId="74" xfId="1" applyNumberFormat="1" applyFont="1" applyBorder="1" applyAlignment="1">
      <alignment horizontal="center"/>
    </xf>
    <xf numFmtId="38" fontId="5" fillId="0" borderId="72" xfId="1" applyNumberFormat="1" applyFont="1" applyBorder="1" applyAlignment="1">
      <alignment horizontal="right"/>
    </xf>
    <xf numFmtId="38" fontId="5" fillId="0" borderId="76" xfId="1" applyFont="1" applyBorder="1" applyAlignment="1">
      <alignment horizontal="right"/>
    </xf>
    <xf numFmtId="40" fontId="5" fillId="0" borderId="74" xfId="1" applyNumberFormat="1" applyFont="1" applyBorder="1" applyAlignment="1">
      <alignment horizontal="right"/>
    </xf>
    <xf numFmtId="38" fontId="5" fillId="0" borderId="77" xfId="2" applyFont="1" applyBorder="1"/>
    <xf numFmtId="38" fontId="5" fillId="0" borderId="73" xfId="2" applyFont="1" applyBorder="1" applyAlignment="1">
      <alignment horizontal="center"/>
    </xf>
    <xf numFmtId="38" fontId="5" fillId="0" borderId="72" xfId="2" applyNumberFormat="1" applyFont="1" applyBorder="1" applyAlignment="1">
      <alignment horizontal="right"/>
    </xf>
    <xf numFmtId="38" fontId="5" fillId="0" borderId="74" xfId="2" applyNumberFormat="1" applyFont="1" applyBorder="1" applyAlignment="1">
      <alignment horizontal="right"/>
    </xf>
    <xf numFmtId="2" fontId="5" fillId="0" borderId="75" xfId="2" applyNumberFormat="1" applyFont="1" applyBorder="1" applyAlignment="1">
      <alignment horizontal="right"/>
    </xf>
    <xf numFmtId="0" fontId="5" fillId="0" borderId="0" xfId="1" quotePrefix="1" applyNumberFormat="1" applyFont="1"/>
    <xf numFmtId="4" fontId="5" fillId="0" borderId="32" xfId="1" applyNumberFormat="1" applyFont="1" applyBorder="1" applyAlignment="1">
      <alignment horizontal="right"/>
    </xf>
    <xf numFmtId="4" fontId="5" fillId="0" borderId="13" xfId="1" applyNumberFormat="1" applyFont="1" applyBorder="1" applyAlignment="1">
      <alignment horizontal="right"/>
    </xf>
    <xf numFmtId="4" fontId="5" fillId="0" borderId="48" xfId="1" applyNumberFormat="1" applyFont="1" applyBorder="1" applyAlignment="1">
      <alignment horizontal="right"/>
    </xf>
    <xf numFmtId="4" fontId="5" fillId="0" borderId="40" xfId="1" applyNumberFormat="1" applyFont="1" applyBorder="1" applyAlignment="1">
      <alignment horizontal="right"/>
    </xf>
    <xf numFmtId="4" fontId="5" fillId="0" borderId="24" xfId="1" applyNumberFormat="1" applyFont="1" applyBorder="1" applyAlignment="1">
      <alignment horizontal="right"/>
    </xf>
    <xf numFmtId="4" fontId="5" fillId="0" borderId="16" xfId="1" applyNumberFormat="1" applyFont="1" applyBorder="1" applyAlignment="1">
      <alignment horizontal="right"/>
    </xf>
    <xf numFmtId="4" fontId="5" fillId="0" borderId="63" xfId="1" applyNumberFormat="1" applyFont="1" applyBorder="1" applyAlignment="1">
      <alignment horizontal="right"/>
    </xf>
    <xf numFmtId="4" fontId="5" fillId="0" borderId="75" xfId="1" applyNumberFormat="1" applyFont="1" applyBorder="1" applyAlignment="1">
      <alignment horizontal="right"/>
    </xf>
    <xf numFmtId="4" fontId="5" fillId="0" borderId="31" xfId="2" applyNumberFormat="1" applyFont="1" applyBorder="1" applyAlignment="1">
      <alignment horizontal="right"/>
    </xf>
    <xf numFmtId="4" fontId="5" fillId="0" borderId="39" xfId="2" applyNumberFormat="1" applyFont="1" applyBorder="1" applyAlignment="1">
      <alignment horizontal="right"/>
    </xf>
    <xf numFmtId="4" fontId="5" fillId="0" borderId="23" xfId="2" applyNumberFormat="1" applyFont="1" applyBorder="1" applyAlignment="1">
      <alignment horizontal="right"/>
    </xf>
    <xf numFmtId="4" fontId="5" fillId="0" borderId="43" xfId="2" applyNumberFormat="1" applyFont="1" applyBorder="1" applyAlignment="1">
      <alignment horizontal="right"/>
    </xf>
    <xf numFmtId="4" fontId="5" fillId="0" borderId="46" xfId="2" applyNumberFormat="1" applyFont="1" applyBorder="1" applyAlignment="1">
      <alignment horizontal="right"/>
    </xf>
    <xf numFmtId="4" fontId="5" fillId="0" borderId="65" xfId="2" applyNumberFormat="1" applyFont="1" applyBorder="1" applyAlignment="1">
      <alignment horizontal="right"/>
    </xf>
    <xf numFmtId="4" fontId="5" fillId="0" borderId="73" xfId="2" applyNumberFormat="1" applyFont="1" applyBorder="1" applyAlignment="1">
      <alignment horizontal="right"/>
    </xf>
    <xf numFmtId="4" fontId="5" fillId="0" borderId="36" xfId="1" applyNumberFormat="1" applyFont="1" applyBorder="1" applyAlignment="1">
      <alignment horizontal="right"/>
    </xf>
    <xf numFmtId="4" fontId="5" fillId="0" borderId="45" xfId="1" applyNumberFormat="1" applyFont="1" applyBorder="1" applyAlignment="1">
      <alignment horizontal="right"/>
    </xf>
    <xf numFmtId="4" fontId="5" fillId="0" borderId="28" xfId="1" applyNumberFormat="1" applyFont="1" applyBorder="1" applyAlignment="1">
      <alignment horizontal="right"/>
    </xf>
    <xf numFmtId="4" fontId="5" fillId="0" borderId="54" xfId="1" applyNumberFormat="1" applyFont="1" applyBorder="1" applyAlignment="1">
      <alignment horizontal="right"/>
    </xf>
    <xf numFmtId="4" fontId="5" fillId="0" borderId="56" xfId="1" applyNumberFormat="1" applyFont="1" applyBorder="1" applyAlignment="1">
      <alignment horizontal="right"/>
    </xf>
    <xf numFmtId="4" fontId="5" fillId="0" borderId="66" xfId="1" applyNumberFormat="1" applyFont="1" applyBorder="1" applyAlignment="1">
      <alignment horizontal="right"/>
    </xf>
    <xf numFmtId="4" fontId="5" fillId="0" borderId="78" xfId="1" applyNumberFormat="1" applyFont="1" applyBorder="1" applyAlignment="1">
      <alignment horizontal="right"/>
    </xf>
    <xf numFmtId="38" fontId="5" fillId="0" borderId="70" xfId="1" applyFont="1" applyBorder="1" applyAlignment="1">
      <alignment horizontal="distributed" justifyLastLine="1"/>
    </xf>
    <xf numFmtId="38" fontId="5" fillId="0" borderId="71" xfId="1" applyFont="1" applyBorder="1" applyAlignment="1">
      <alignment horizontal="distributed" justifyLastLine="1"/>
    </xf>
    <xf numFmtId="38" fontId="5" fillId="0" borderId="3" xfId="1" quotePrefix="1" applyFont="1" applyBorder="1" applyAlignment="1">
      <alignment horizontal="distributed" justifyLastLine="1"/>
    </xf>
    <xf numFmtId="38" fontId="5" fillId="0" borderId="4" xfId="1" quotePrefix="1" applyFont="1" applyBorder="1" applyAlignment="1">
      <alignment horizontal="distributed" justifyLastLine="1"/>
    </xf>
    <xf numFmtId="38" fontId="5" fillId="0" borderId="5" xfId="1" quotePrefix="1" applyFont="1" applyBorder="1" applyAlignment="1">
      <alignment horizontal="distributed" justifyLastLine="1"/>
    </xf>
    <xf numFmtId="38" fontId="5" fillId="0" borderId="6" xfId="1" quotePrefix="1" applyFont="1" applyBorder="1" applyAlignment="1">
      <alignment horizontal="distributed" justifyLastLine="1"/>
    </xf>
    <xf numFmtId="0" fontId="0" fillId="0" borderId="7" xfId="0" applyBorder="1" applyAlignment="1">
      <alignment horizontal="distributed" justifyLastLine="1"/>
    </xf>
    <xf numFmtId="0" fontId="0" fillId="0" borderId="8" xfId="0" applyBorder="1" applyAlignment="1">
      <alignment horizontal="distributed" justifyLastLine="1"/>
    </xf>
    <xf numFmtId="38" fontId="5" fillId="0" borderId="9" xfId="1" quotePrefix="1" applyFont="1" applyBorder="1" applyAlignment="1">
      <alignment horizontal="distributed" justifyLastLine="1"/>
    </xf>
    <xf numFmtId="38" fontId="5" fillId="0" borderId="57" xfId="1" applyFont="1" applyBorder="1" applyAlignment="1">
      <alignment horizontal="distributed" justifyLastLine="1"/>
    </xf>
    <xf numFmtId="38" fontId="5" fillId="0" borderId="58" xfId="1" applyFont="1" applyBorder="1" applyAlignment="1">
      <alignment horizontal="distributed" justifyLastLine="1"/>
    </xf>
    <xf numFmtId="38" fontId="5" fillId="0" borderId="7" xfId="1" quotePrefix="1" applyFont="1" applyBorder="1" applyAlignment="1">
      <alignment horizontal="distributed" justifyLastLine="1"/>
    </xf>
    <xf numFmtId="38" fontId="5" fillId="0" borderId="8" xfId="1" quotePrefix="1" applyFont="1" applyBorder="1" applyAlignment="1">
      <alignment horizontal="distributed" justifyLastLine="1"/>
    </xf>
    <xf numFmtId="38" fontId="5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0" fillId="0" borderId="11" xfId="0" applyBorder="1" applyAlignment="1">
      <alignment horizontal="distributed" vertical="center" justifyLastLine="1"/>
    </xf>
    <xf numFmtId="0" fontId="0" fillId="0" borderId="21" xfId="0" applyBorder="1" applyAlignment="1">
      <alignment horizontal="distributed" vertical="center" justifyLastLine="1"/>
    </xf>
    <xf numFmtId="0" fontId="0" fillId="0" borderId="22" xfId="0" applyBorder="1" applyAlignment="1">
      <alignment horizontal="distributed" vertical="center" justifyLastLine="1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S48"/>
  <sheetViews>
    <sheetView tabSelected="1" view="pageBreakPreview" zoomScaleNormal="100" zoomScaleSheetLayoutView="100" workbookViewId="0">
      <selection activeCell="H10" sqref="H10"/>
    </sheetView>
  </sheetViews>
  <sheetFormatPr defaultRowHeight="11.25" x14ac:dyDescent="0.15"/>
  <cols>
    <col min="1" max="1" width="3.625" style="2" customWidth="1"/>
    <col min="2" max="2" width="10" style="2" customWidth="1"/>
    <col min="3" max="3" width="8.125" style="2" customWidth="1"/>
    <col min="4" max="4" width="3.125" style="2" customWidth="1"/>
    <col min="5" max="5" width="6.25" style="2" customWidth="1"/>
    <col min="6" max="6" width="8.125" style="2" customWidth="1"/>
    <col min="7" max="7" width="3.125" style="2" customWidth="1"/>
    <col min="8" max="8" width="6.25" style="2" customWidth="1"/>
    <col min="9" max="9" width="8.125" style="2" customWidth="1"/>
    <col min="10" max="10" width="3.125" style="2" customWidth="1"/>
    <col min="11" max="11" width="6.25" style="2" customWidth="1"/>
    <col min="12" max="12" width="8.125" style="2" customWidth="1"/>
    <col min="13" max="13" width="3.125" style="2" customWidth="1"/>
    <col min="14" max="14" width="6.25" style="2" customWidth="1"/>
    <col min="15" max="15" width="8.125" style="2" customWidth="1"/>
    <col min="16" max="16" width="3.125" style="2" customWidth="1"/>
    <col min="17" max="17" width="6.25" style="2" customWidth="1"/>
    <col min="18" max="16384" width="9" style="2"/>
  </cols>
  <sheetData>
    <row r="1" spans="1:19" ht="16.5" customHeight="1" x14ac:dyDescent="0.15">
      <c r="A1" s="1" t="s">
        <v>0</v>
      </c>
      <c r="R1" s="3"/>
    </row>
    <row r="2" spans="1:19" ht="10.5" customHeight="1" thickBot="1" x14ac:dyDescent="0.2">
      <c r="R2" s="4"/>
    </row>
    <row r="3" spans="1:19" ht="15" customHeight="1" x14ac:dyDescent="0.15">
      <c r="A3" s="149" t="s">
        <v>1</v>
      </c>
      <c r="B3" s="150"/>
      <c r="C3" s="141" t="s">
        <v>2</v>
      </c>
      <c r="D3" s="147"/>
      <c r="E3" s="148"/>
      <c r="F3" s="138" t="s">
        <v>3</v>
      </c>
      <c r="G3" s="139"/>
      <c r="H3" s="140"/>
      <c r="I3" s="138" t="s">
        <v>4</v>
      </c>
      <c r="J3" s="139"/>
      <c r="K3" s="139"/>
      <c r="L3" s="141" t="s">
        <v>5</v>
      </c>
      <c r="M3" s="142"/>
      <c r="N3" s="143"/>
      <c r="O3" s="138" t="s">
        <v>6</v>
      </c>
      <c r="P3" s="139"/>
      <c r="Q3" s="144"/>
    </row>
    <row r="4" spans="1:19" ht="12.75" customHeight="1" x14ac:dyDescent="0.15">
      <c r="A4" s="151"/>
      <c r="B4" s="152"/>
      <c r="C4" s="12" t="s">
        <v>7</v>
      </c>
      <c r="D4" s="13" t="s">
        <v>8</v>
      </c>
      <c r="E4" s="10" t="s">
        <v>9</v>
      </c>
      <c r="F4" s="6" t="s">
        <v>7</v>
      </c>
      <c r="G4" s="8" t="s">
        <v>8</v>
      </c>
      <c r="H4" s="5" t="s">
        <v>10</v>
      </c>
      <c r="I4" s="14" t="s">
        <v>7</v>
      </c>
      <c r="J4" s="11" t="s">
        <v>8</v>
      </c>
      <c r="K4" s="14" t="s">
        <v>11</v>
      </c>
      <c r="L4" s="7" t="s">
        <v>7</v>
      </c>
      <c r="M4" s="13" t="s">
        <v>8</v>
      </c>
      <c r="N4" s="10" t="s">
        <v>12</v>
      </c>
      <c r="O4" s="7" t="s">
        <v>7</v>
      </c>
      <c r="P4" s="9" t="s">
        <v>8</v>
      </c>
      <c r="Q4" s="15" t="s">
        <v>13</v>
      </c>
    </row>
    <row r="5" spans="1:19" ht="12.75" customHeight="1" x14ac:dyDescent="0.15">
      <c r="A5" s="153"/>
      <c r="B5" s="154"/>
      <c r="C5" s="21" t="s">
        <v>14</v>
      </c>
      <c r="D5" s="22" t="s">
        <v>16</v>
      </c>
      <c r="E5" s="17" t="s">
        <v>17</v>
      </c>
      <c r="F5" s="23" t="s">
        <v>14</v>
      </c>
      <c r="G5" s="22" t="s">
        <v>16</v>
      </c>
      <c r="H5" s="17" t="s">
        <v>17</v>
      </c>
      <c r="I5" s="18" t="s">
        <v>14</v>
      </c>
      <c r="J5" s="19" t="s">
        <v>18</v>
      </c>
      <c r="K5" s="23" t="s">
        <v>15</v>
      </c>
      <c r="L5" s="21" t="s">
        <v>14</v>
      </c>
      <c r="M5" s="22" t="s">
        <v>16</v>
      </c>
      <c r="N5" s="20" t="s">
        <v>17</v>
      </c>
      <c r="O5" s="21" t="s">
        <v>14</v>
      </c>
      <c r="P5" s="16" t="s">
        <v>16</v>
      </c>
      <c r="Q5" s="24" t="s">
        <v>17</v>
      </c>
    </row>
    <row r="6" spans="1:19" ht="19.5" customHeight="1" x14ac:dyDescent="0.15">
      <c r="A6" s="25">
        <v>1</v>
      </c>
      <c r="B6" s="26" t="s">
        <v>19</v>
      </c>
      <c r="C6" s="30">
        <v>497688</v>
      </c>
      <c r="D6" s="28">
        <v>11</v>
      </c>
      <c r="E6" s="114">
        <v>0.45</v>
      </c>
      <c r="F6" s="31">
        <v>506669</v>
      </c>
      <c r="G6" s="28">
        <v>8</v>
      </c>
      <c r="H6" s="114">
        <v>1.8</v>
      </c>
      <c r="I6" s="32">
        <v>511253</v>
      </c>
      <c r="J6" s="33">
        <v>8</v>
      </c>
      <c r="K6" s="122">
        <v>0.9</v>
      </c>
      <c r="L6" s="34">
        <v>522870</v>
      </c>
      <c r="M6" s="35">
        <v>10</v>
      </c>
      <c r="N6" s="36">
        <v>2.27</v>
      </c>
      <c r="O6" s="37">
        <v>515127</v>
      </c>
      <c r="P6" s="27">
        <v>9</v>
      </c>
      <c r="Q6" s="129">
        <v>-1.48</v>
      </c>
      <c r="S6" s="38"/>
    </row>
    <row r="7" spans="1:19" ht="19.5" customHeight="1" x14ac:dyDescent="0.15">
      <c r="A7" s="25">
        <v>2</v>
      </c>
      <c r="B7" s="26" t="s">
        <v>21</v>
      </c>
      <c r="C7" s="30">
        <v>524918</v>
      </c>
      <c r="D7" s="28">
        <v>2</v>
      </c>
      <c r="E7" s="114">
        <v>-0.43</v>
      </c>
      <c r="F7" s="39">
        <v>532989</v>
      </c>
      <c r="G7" s="29">
        <v>2</v>
      </c>
      <c r="H7" s="114">
        <v>1.54</v>
      </c>
      <c r="I7" s="32">
        <v>541973</v>
      </c>
      <c r="J7" s="33">
        <v>1</v>
      </c>
      <c r="K7" s="122">
        <v>1.69</v>
      </c>
      <c r="L7" s="34">
        <v>556386</v>
      </c>
      <c r="M7" s="35">
        <v>2</v>
      </c>
      <c r="N7" s="36">
        <v>2.66</v>
      </c>
      <c r="O7" s="37">
        <v>546557</v>
      </c>
      <c r="P7" s="27">
        <v>2</v>
      </c>
      <c r="Q7" s="129">
        <v>-1.77</v>
      </c>
      <c r="S7" s="38"/>
    </row>
    <row r="8" spans="1:19" ht="19.5" customHeight="1" x14ac:dyDescent="0.15">
      <c r="A8" s="25">
        <v>3</v>
      </c>
      <c r="B8" s="26" t="s">
        <v>22</v>
      </c>
      <c r="C8" s="30">
        <v>507657</v>
      </c>
      <c r="D8" s="28">
        <v>7</v>
      </c>
      <c r="E8" s="114">
        <v>1.92</v>
      </c>
      <c r="F8" s="39">
        <v>514809</v>
      </c>
      <c r="G8" s="29">
        <v>5</v>
      </c>
      <c r="H8" s="114">
        <v>1.41</v>
      </c>
      <c r="I8" s="32">
        <v>523065</v>
      </c>
      <c r="J8" s="33">
        <v>5</v>
      </c>
      <c r="K8" s="122">
        <v>1.6</v>
      </c>
      <c r="L8" s="34">
        <v>533819</v>
      </c>
      <c r="M8" s="35">
        <v>6</v>
      </c>
      <c r="N8" s="36">
        <v>2.06</v>
      </c>
      <c r="O8" s="37">
        <v>526250</v>
      </c>
      <c r="P8" s="27">
        <v>4</v>
      </c>
      <c r="Q8" s="129">
        <v>-1.42</v>
      </c>
      <c r="S8" s="38"/>
    </row>
    <row r="9" spans="1:19" ht="19.5" customHeight="1" x14ac:dyDescent="0.15">
      <c r="A9" s="25">
        <v>4</v>
      </c>
      <c r="B9" s="26" t="s">
        <v>23</v>
      </c>
      <c r="C9" s="30">
        <v>462747</v>
      </c>
      <c r="D9" s="28">
        <v>27</v>
      </c>
      <c r="E9" s="114">
        <v>1.66</v>
      </c>
      <c r="F9" s="39">
        <v>466975</v>
      </c>
      <c r="G9" s="29">
        <v>26</v>
      </c>
      <c r="H9" s="114">
        <v>0.91</v>
      </c>
      <c r="I9" s="32">
        <v>471618</v>
      </c>
      <c r="J9" s="33">
        <v>27</v>
      </c>
      <c r="K9" s="122">
        <v>0.99</v>
      </c>
      <c r="L9" s="34">
        <v>495720</v>
      </c>
      <c r="M9" s="35">
        <v>22</v>
      </c>
      <c r="N9" s="36">
        <v>5.1100000000000003</v>
      </c>
      <c r="O9" s="37">
        <v>494199</v>
      </c>
      <c r="P9" s="27">
        <v>18</v>
      </c>
      <c r="Q9" s="129">
        <v>-0.31</v>
      </c>
      <c r="S9" s="38"/>
    </row>
    <row r="10" spans="1:19" ht="19.5" customHeight="1" x14ac:dyDescent="0.15">
      <c r="A10" s="25">
        <v>5</v>
      </c>
      <c r="B10" s="26" t="s">
        <v>24</v>
      </c>
      <c r="C10" s="30">
        <v>462504</v>
      </c>
      <c r="D10" s="28">
        <v>28</v>
      </c>
      <c r="E10" s="114">
        <v>2.84</v>
      </c>
      <c r="F10" s="39">
        <v>469227</v>
      </c>
      <c r="G10" s="29">
        <v>25</v>
      </c>
      <c r="H10" s="114">
        <v>1.45</v>
      </c>
      <c r="I10" s="32">
        <v>476350</v>
      </c>
      <c r="J10" s="33">
        <v>23</v>
      </c>
      <c r="K10" s="122">
        <v>1.52</v>
      </c>
      <c r="L10" s="34">
        <v>487842</v>
      </c>
      <c r="M10" s="35">
        <v>25</v>
      </c>
      <c r="N10" s="36">
        <v>2.41</v>
      </c>
      <c r="O10" s="37">
        <v>483478</v>
      </c>
      <c r="P10" s="27">
        <v>24</v>
      </c>
      <c r="Q10" s="129">
        <v>-0.89</v>
      </c>
      <c r="S10" s="38"/>
    </row>
    <row r="11" spans="1:19" ht="19.5" customHeight="1" x14ac:dyDescent="0.15">
      <c r="A11" s="25">
        <v>6</v>
      </c>
      <c r="B11" s="26" t="s">
        <v>25</v>
      </c>
      <c r="C11" s="30">
        <v>467600</v>
      </c>
      <c r="D11" s="28">
        <v>24</v>
      </c>
      <c r="E11" s="114">
        <v>-0.06</v>
      </c>
      <c r="F11" s="39">
        <v>482743</v>
      </c>
      <c r="G11" s="29">
        <v>18</v>
      </c>
      <c r="H11" s="114">
        <v>3.24</v>
      </c>
      <c r="I11" s="32">
        <v>489188</v>
      </c>
      <c r="J11" s="33">
        <v>14</v>
      </c>
      <c r="K11" s="122">
        <v>1.34</v>
      </c>
      <c r="L11" s="34">
        <v>501032</v>
      </c>
      <c r="M11" s="35">
        <v>16</v>
      </c>
      <c r="N11" s="36">
        <v>2.42</v>
      </c>
      <c r="O11" s="37">
        <v>488711</v>
      </c>
      <c r="P11" s="27">
        <v>22</v>
      </c>
      <c r="Q11" s="129">
        <v>-2.46</v>
      </c>
      <c r="S11" s="38"/>
    </row>
    <row r="12" spans="1:19" ht="19.5" customHeight="1" x14ac:dyDescent="0.15">
      <c r="A12" s="25">
        <v>7</v>
      </c>
      <c r="B12" s="26" t="s">
        <v>26</v>
      </c>
      <c r="C12" s="30">
        <v>510713</v>
      </c>
      <c r="D12" s="28">
        <v>4</v>
      </c>
      <c r="E12" s="114">
        <v>1.42</v>
      </c>
      <c r="F12" s="39">
        <v>510943</v>
      </c>
      <c r="G12" s="29">
        <v>6</v>
      </c>
      <c r="H12" s="114">
        <v>0.05</v>
      </c>
      <c r="I12" s="32">
        <v>521184</v>
      </c>
      <c r="J12" s="33">
        <v>7</v>
      </c>
      <c r="K12" s="122">
        <v>2</v>
      </c>
      <c r="L12" s="34">
        <v>530161</v>
      </c>
      <c r="M12" s="35">
        <v>9</v>
      </c>
      <c r="N12" s="36">
        <v>1.72</v>
      </c>
      <c r="O12" s="37">
        <v>505808</v>
      </c>
      <c r="P12" s="27">
        <v>10</v>
      </c>
      <c r="Q12" s="129">
        <v>-4.59</v>
      </c>
      <c r="S12" s="38"/>
    </row>
    <row r="13" spans="1:19" ht="19.5" customHeight="1" x14ac:dyDescent="0.15">
      <c r="A13" s="25">
        <v>8</v>
      </c>
      <c r="B13" s="26" t="s">
        <v>27</v>
      </c>
      <c r="C13" s="30">
        <v>467142</v>
      </c>
      <c r="D13" s="28">
        <v>25</v>
      </c>
      <c r="E13" s="114">
        <v>-8.0299999999999994</v>
      </c>
      <c r="F13" s="39">
        <v>473162</v>
      </c>
      <c r="G13" s="29">
        <v>23</v>
      </c>
      <c r="H13" s="114">
        <v>1.29</v>
      </c>
      <c r="I13" s="32">
        <v>472910</v>
      </c>
      <c r="J13" s="33">
        <v>26</v>
      </c>
      <c r="K13" s="122">
        <v>-0.05</v>
      </c>
      <c r="L13" s="34">
        <v>489442</v>
      </c>
      <c r="M13" s="35">
        <v>24</v>
      </c>
      <c r="N13" s="36">
        <v>3.5</v>
      </c>
      <c r="O13" s="37">
        <v>476720</v>
      </c>
      <c r="P13" s="27">
        <v>27</v>
      </c>
      <c r="Q13" s="129">
        <v>-2.6</v>
      </c>
      <c r="S13" s="38"/>
    </row>
    <row r="14" spans="1:19" ht="19.5" customHeight="1" x14ac:dyDescent="0.15">
      <c r="A14" s="25">
        <v>9</v>
      </c>
      <c r="B14" s="26" t="s">
        <v>28</v>
      </c>
      <c r="C14" s="30">
        <v>477222</v>
      </c>
      <c r="D14" s="28">
        <v>21</v>
      </c>
      <c r="E14" s="114">
        <v>2.2000000000000002</v>
      </c>
      <c r="F14" s="39">
        <v>515697</v>
      </c>
      <c r="G14" s="29">
        <v>4</v>
      </c>
      <c r="H14" s="114">
        <v>8.06</v>
      </c>
      <c r="I14" s="32">
        <v>526598</v>
      </c>
      <c r="J14" s="33">
        <v>2</v>
      </c>
      <c r="K14" s="122">
        <v>2.11</v>
      </c>
      <c r="L14" s="34">
        <v>531719</v>
      </c>
      <c r="M14" s="35">
        <v>8</v>
      </c>
      <c r="N14" s="36">
        <v>0.97</v>
      </c>
      <c r="O14" s="37">
        <v>521917</v>
      </c>
      <c r="P14" s="27">
        <v>6</v>
      </c>
      <c r="Q14" s="129">
        <v>-1.84</v>
      </c>
      <c r="S14" s="38"/>
    </row>
    <row r="15" spans="1:19" ht="19.5" customHeight="1" x14ac:dyDescent="0.15">
      <c r="A15" s="25">
        <v>10</v>
      </c>
      <c r="B15" s="26" t="s">
        <v>29</v>
      </c>
      <c r="C15" s="30">
        <v>473636</v>
      </c>
      <c r="D15" s="28">
        <v>23</v>
      </c>
      <c r="E15" s="114">
        <v>0.67</v>
      </c>
      <c r="F15" s="39">
        <v>481120</v>
      </c>
      <c r="G15" s="29">
        <v>19</v>
      </c>
      <c r="H15" s="114">
        <v>1.58</v>
      </c>
      <c r="I15" s="32">
        <v>489489</v>
      </c>
      <c r="J15" s="33">
        <v>13</v>
      </c>
      <c r="K15" s="122">
        <v>1.74</v>
      </c>
      <c r="L15" s="34">
        <v>500535</v>
      </c>
      <c r="M15" s="35">
        <v>17</v>
      </c>
      <c r="N15" s="36">
        <v>2.2599999999999998</v>
      </c>
      <c r="O15" s="37">
        <v>496330</v>
      </c>
      <c r="P15" s="27">
        <v>15</v>
      </c>
      <c r="Q15" s="129">
        <v>-0.84</v>
      </c>
      <c r="S15" s="38"/>
    </row>
    <row r="16" spans="1:19" ht="19.5" customHeight="1" x14ac:dyDescent="0.15">
      <c r="A16" s="25">
        <v>11</v>
      </c>
      <c r="B16" s="26" t="s">
        <v>30</v>
      </c>
      <c r="C16" s="30">
        <v>508641</v>
      </c>
      <c r="D16" s="28">
        <v>5</v>
      </c>
      <c r="E16" s="114">
        <v>2.29</v>
      </c>
      <c r="F16" s="39">
        <v>508066</v>
      </c>
      <c r="G16" s="29">
        <v>7</v>
      </c>
      <c r="H16" s="114">
        <v>-0.11</v>
      </c>
      <c r="I16" s="32">
        <v>522421</v>
      </c>
      <c r="J16" s="33">
        <v>6</v>
      </c>
      <c r="K16" s="122">
        <v>2.83</v>
      </c>
      <c r="L16" s="34">
        <v>548901</v>
      </c>
      <c r="M16" s="35">
        <v>4</v>
      </c>
      <c r="N16" s="36">
        <v>5.07</v>
      </c>
      <c r="O16" s="37">
        <v>496246</v>
      </c>
      <c r="P16" s="27">
        <v>17</v>
      </c>
      <c r="Q16" s="129">
        <v>-9.59</v>
      </c>
      <c r="S16" s="38"/>
    </row>
    <row r="17" spans="1:19" ht="19.5" customHeight="1" x14ac:dyDescent="0.15">
      <c r="A17" s="25">
        <v>12</v>
      </c>
      <c r="B17" s="26" t="s">
        <v>31</v>
      </c>
      <c r="C17" s="30">
        <v>441646</v>
      </c>
      <c r="D17" s="28">
        <v>31</v>
      </c>
      <c r="E17" s="114">
        <v>-1</v>
      </c>
      <c r="F17" s="39">
        <v>453490</v>
      </c>
      <c r="G17" s="29">
        <v>31</v>
      </c>
      <c r="H17" s="114">
        <v>2.68</v>
      </c>
      <c r="I17" s="32">
        <v>453633</v>
      </c>
      <c r="J17" s="33">
        <v>33</v>
      </c>
      <c r="K17" s="122">
        <v>0.03</v>
      </c>
      <c r="L17" s="34">
        <v>458958</v>
      </c>
      <c r="M17" s="35">
        <v>31</v>
      </c>
      <c r="N17" s="36">
        <v>1.17</v>
      </c>
      <c r="O17" s="37">
        <v>458445</v>
      </c>
      <c r="P17" s="27">
        <v>30</v>
      </c>
      <c r="Q17" s="129">
        <v>-0.11</v>
      </c>
      <c r="S17" s="38"/>
    </row>
    <row r="18" spans="1:19" ht="19.5" customHeight="1" x14ac:dyDescent="0.15">
      <c r="A18" s="25">
        <v>13</v>
      </c>
      <c r="B18" s="26" t="s">
        <v>32</v>
      </c>
      <c r="C18" s="30">
        <v>492766</v>
      </c>
      <c r="D18" s="28">
        <v>12</v>
      </c>
      <c r="E18" s="114">
        <v>-0.47</v>
      </c>
      <c r="F18" s="39">
        <v>491281</v>
      </c>
      <c r="G18" s="29">
        <v>14</v>
      </c>
      <c r="H18" s="114">
        <v>-0.3</v>
      </c>
      <c r="I18" s="32">
        <v>494260</v>
      </c>
      <c r="J18" s="33">
        <v>11</v>
      </c>
      <c r="K18" s="122">
        <v>0.61</v>
      </c>
      <c r="L18" s="34">
        <v>498517</v>
      </c>
      <c r="M18" s="35">
        <v>19</v>
      </c>
      <c r="N18" s="36">
        <v>0.86</v>
      </c>
      <c r="O18" s="37">
        <v>499557</v>
      </c>
      <c r="P18" s="27">
        <v>13</v>
      </c>
      <c r="Q18" s="129">
        <v>0.21</v>
      </c>
      <c r="S18" s="38"/>
    </row>
    <row r="19" spans="1:19" ht="19.5" customHeight="1" x14ac:dyDescent="0.15">
      <c r="A19" s="25">
        <v>14</v>
      </c>
      <c r="B19" s="26" t="s">
        <v>33</v>
      </c>
      <c r="C19" s="30">
        <v>479158</v>
      </c>
      <c r="D19" s="28">
        <v>20</v>
      </c>
      <c r="E19" s="114">
        <v>1.69</v>
      </c>
      <c r="F19" s="39">
        <v>479311</v>
      </c>
      <c r="G19" s="29">
        <v>20</v>
      </c>
      <c r="H19" s="114">
        <v>0.03</v>
      </c>
      <c r="I19" s="32">
        <v>473023</v>
      </c>
      <c r="J19" s="33">
        <v>25</v>
      </c>
      <c r="K19" s="122">
        <v>-1.31</v>
      </c>
      <c r="L19" s="34">
        <v>497583</v>
      </c>
      <c r="M19" s="35">
        <v>21</v>
      </c>
      <c r="N19" s="36">
        <v>5.19</v>
      </c>
      <c r="O19" s="37">
        <v>498478</v>
      </c>
      <c r="P19" s="27">
        <v>14</v>
      </c>
      <c r="Q19" s="129">
        <v>0.18</v>
      </c>
      <c r="S19" s="38"/>
    </row>
    <row r="20" spans="1:19" ht="19.5" customHeight="1" x14ac:dyDescent="0.15">
      <c r="A20" s="25">
        <v>15</v>
      </c>
      <c r="B20" s="26" t="s">
        <v>34</v>
      </c>
      <c r="C20" s="30">
        <v>475228</v>
      </c>
      <c r="D20" s="28">
        <v>22</v>
      </c>
      <c r="E20" s="114">
        <v>-1.34</v>
      </c>
      <c r="F20" s="39">
        <v>465368</v>
      </c>
      <c r="G20" s="29">
        <v>27</v>
      </c>
      <c r="H20" s="114">
        <v>-2.0699999999999998</v>
      </c>
      <c r="I20" s="32">
        <v>480395</v>
      </c>
      <c r="J20" s="33">
        <v>18</v>
      </c>
      <c r="K20" s="122">
        <v>3.23</v>
      </c>
      <c r="L20" s="34">
        <v>498068</v>
      </c>
      <c r="M20" s="35">
        <v>20</v>
      </c>
      <c r="N20" s="36">
        <v>3.68</v>
      </c>
      <c r="O20" s="37">
        <v>492675</v>
      </c>
      <c r="P20" s="27">
        <v>20</v>
      </c>
      <c r="Q20" s="129">
        <v>-1.08</v>
      </c>
      <c r="S20" s="38"/>
    </row>
    <row r="21" spans="1:19" ht="19.5" customHeight="1" x14ac:dyDescent="0.15">
      <c r="A21" s="25">
        <v>16</v>
      </c>
      <c r="B21" s="26" t="s">
        <v>35</v>
      </c>
      <c r="C21" s="30">
        <v>453247</v>
      </c>
      <c r="D21" s="28">
        <v>30</v>
      </c>
      <c r="E21" s="114">
        <v>-0.69</v>
      </c>
      <c r="F21" s="39">
        <v>465024</v>
      </c>
      <c r="G21" s="29">
        <v>28</v>
      </c>
      <c r="H21" s="114">
        <v>2.6</v>
      </c>
      <c r="I21" s="32">
        <v>459739</v>
      </c>
      <c r="J21" s="33">
        <v>32</v>
      </c>
      <c r="K21" s="122">
        <v>-1.1399999999999999</v>
      </c>
      <c r="L21" s="34">
        <v>453063</v>
      </c>
      <c r="M21" s="35">
        <v>32</v>
      </c>
      <c r="N21" s="36">
        <v>-1.45</v>
      </c>
      <c r="O21" s="37">
        <v>450063</v>
      </c>
      <c r="P21" s="27">
        <v>31</v>
      </c>
      <c r="Q21" s="129">
        <v>-0.66</v>
      </c>
      <c r="S21" s="38"/>
    </row>
    <row r="22" spans="1:19" ht="19.5" customHeight="1" x14ac:dyDescent="0.15">
      <c r="A22" s="25">
        <v>17</v>
      </c>
      <c r="B22" s="26" t="s">
        <v>36</v>
      </c>
      <c r="C22" s="30">
        <v>487952</v>
      </c>
      <c r="D22" s="28">
        <v>17</v>
      </c>
      <c r="E22" s="114">
        <v>0.59</v>
      </c>
      <c r="F22" s="39">
        <v>496978</v>
      </c>
      <c r="G22" s="29">
        <v>12</v>
      </c>
      <c r="H22" s="114">
        <v>1.85</v>
      </c>
      <c r="I22" s="32">
        <v>474851</v>
      </c>
      <c r="J22" s="33">
        <v>24</v>
      </c>
      <c r="K22" s="122">
        <v>-4.45</v>
      </c>
      <c r="L22" s="34">
        <v>500365</v>
      </c>
      <c r="M22" s="35">
        <v>18</v>
      </c>
      <c r="N22" s="36">
        <v>5.37</v>
      </c>
      <c r="O22" s="37">
        <v>482118</v>
      </c>
      <c r="P22" s="27">
        <v>26</v>
      </c>
      <c r="Q22" s="129">
        <v>-3.65</v>
      </c>
      <c r="S22" s="38"/>
    </row>
    <row r="23" spans="1:19" ht="19.5" customHeight="1" x14ac:dyDescent="0.15">
      <c r="A23" s="25">
        <v>18</v>
      </c>
      <c r="B23" s="26" t="s">
        <v>37</v>
      </c>
      <c r="C23" s="30">
        <v>490636</v>
      </c>
      <c r="D23" s="28">
        <v>13</v>
      </c>
      <c r="E23" s="114">
        <v>-1.72</v>
      </c>
      <c r="F23" s="39">
        <v>477179</v>
      </c>
      <c r="G23" s="29">
        <v>21</v>
      </c>
      <c r="H23" s="114">
        <v>-2.74</v>
      </c>
      <c r="I23" s="32">
        <v>480372</v>
      </c>
      <c r="J23" s="33">
        <v>19</v>
      </c>
      <c r="K23" s="122">
        <v>0.67</v>
      </c>
      <c r="L23" s="34">
        <v>519339</v>
      </c>
      <c r="M23" s="35">
        <v>11</v>
      </c>
      <c r="N23" s="36">
        <v>8.11</v>
      </c>
      <c r="O23" s="37">
        <v>504756</v>
      </c>
      <c r="P23" s="27">
        <v>11</v>
      </c>
      <c r="Q23" s="129">
        <v>-2.81</v>
      </c>
      <c r="S23" s="38"/>
    </row>
    <row r="24" spans="1:19" ht="19.5" customHeight="1" thickBot="1" x14ac:dyDescent="0.2">
      <c r="A24" s="40">
        <v>21</v>
      </c>
      <c r="B24" s="41" t="s">
        <v>38</v>
      </c>
      <c r="C24" s="48">
        <v>458402</v>
      </c>
      <c r="D24" s="46">
        <v>29</v>
      </c>
      <c r="E24" s="115">
        <v>1.34</v>
      </c>
      <c r="F24" s="49">
        <v>462888</v>
      </c>
      <c r="G24" s="47">
        <v>29</v>
      </c>
      <c r="H24" s="115">
        <v>0.98</v>
      </c>
      <c r="I24" s="50">
        <v>463137</v>
      </c>
      <c r="J24" s="51">
        <v>30</v>
      </c>
      <c r="K24" s="123">
        <v>0.05</v>
      </c>
      <c r="L24" s="52">
        <v>466032</v>
      </c>
      <c r="M24" s="53">
        <v>29</v>
      </c>
      <c r="N24" s="54">
        <v>0.63</v>
      </c>
      <c r="O24" s="44">
        <v>467001</v>
      </c>
      <c r="P24" s="43">
        <v>29</v>
      </c>
      <c r="Q24" s="130">
        <v>0.21</v>
      </c>
      <c r="S24" s="38"/>
    </row>
    <row r="25" spans="1:19" ht="19.5" customHeight="1" thickTop="1" x14ac:dyDescent="0.15">
      <c r="A25" s="25">
        <v>19</v>
      </c>
      <c r="B25" s="26" t="s">
        <v>39</v>
      </c>
      <c r="C25" s="59">
        <v>463254</v>
      </c>
      <c r="D25" s="57">
        <v>26</v>
      </c>
      <c r="E25" s="116">
        <v>-0.56999999999999995</v>
      </c>
      <c r="F25" s="60">
        <v>499051</v>
      </c>
      <c r="G25" s="58">
        <v>10</v>
      </c>
      <c r="H25" s="116">
        <v>7.73</v>
      </c>
      <c r="I25" s="61">
        <v>463337</v>
      </c>
      <c r="J25" s="62">
        <v>29</v>
      </c>
      <c r="K25" s="124">
        <v>-7.16</v>
      </c>
      <c r="L25" s="63">
        <v>483345</v>
      </c>
      <c r="M25" s="64">
        <v>27</v>
      </c>
      <c r="N25" s="65">
        <v>4.32</v>
      </c>
      <c r="O25" s="66">
        <v>467477</v>
      </c>
      <c r="P25" s="56">
        <v>28</v>
      </c>
      <c r="Q25" s="131">
        <v>-3.28</v>
      </c>
      <c r="S25" s="38"/>
    </row>
    <row r="26" spans="1:19" ht="19.5" customHeight="1" x14ac:dyDescent="0.15">
      <c r="A26" s="25">
        <v>20</v>
      </c>
      <c r="B26" s="26" t="s">
        <v>40</v>
      </c>
      <c r="C26" s="30">
        <v>487729</v>
      </c>
      <c r="D26" s="28">
        <v>19</v>
      </c>
      <c r="E26" s="114">
        <v>-0.82</v>
      </c>
      <c r="F26" s="39">
        <v>486267</v>
      </c>
      <c r="G26" s="29">
        <v>16</v>
      </c>
      <c r="H26" s="114">
        <v>-0.3</v>
      </c>
      <c r="I26" s="32">
        <v>524561</v>
      </c>
      <c r="J26" s="33">
        <v>4</v>
      </c>
      <c r="K26" s="122">
        <v>7.88</v>
      </c>
      <c r="L26" s="34">
        <v>517663</v>
      </c>
      <c r="M26" s="35">
        <v>12</v>
      </c>
      <c r="N26" s="36">
        <v>-1.32</v>
      </c>
      <c r="O26" s="37">
        <v>488404</v>
      </c>
      <c r="P26" s="27">
        <v>23</v>
      </c>
      <c r="Q26" s="129">
        <v>-5.65</v>
      </c>
      <c r="S26" s="38"/>
    </row>
    <row r="27" spans="1:19" ht="19.5" customHeight="1" x14ac:dyDescent="0.15">
      <c r="A27" s="25">
        <v>22</v>
      </c>
      <c r="B27" s="26" t="s">
        <v>41</v>
      </c>
      <c r="C27" s="30">
        <v>499491</v>
      </c>
      <c r="D27" s="28">
        <v>10</v>
      </c>
      <c r="E27" s="114">
        <v>3.03</v>
      </c>
      <c r="F27" s="39">
        <v>485048</v>
      </c>
      <c r="G27" s="29">
        <v>17</v>
      </c>
      <c r="H27" s="114">
        <v>-2.89</v>
      </c>
      <c r="I27" s="32">
        <v>483448</v>
      </c>
      <c r="J27" s="33">
        <v>17</v>
      </c>
      <c r="K27" s="122">
        <v>-0.33</v>
      </c>
      <c r="L27" s="34">
        <v>487260</v>
      </c>
      <c r="M27" s="35">
        <v>26</v>
      </c>
      <c r="N27" s="36">
        <v>0.79</v>
      </c>
      <c r="O27" s="37">
        <v>482149</v>
      </c>
      <c r="P27" s="27">
        <v>25</v>
      </c>
      <c r="Q27" s="129">
        <v>-1.05</v>
      </c>
      <c r="S27" s="38"/>
    </row>
    <row r="28" spans="1:19" ht="19.5" customHeight="1" x14ac:dyDescent="0.15">
      <c r="A28" s="25">
        <v>23</v>
      </c>
      <c r="B28" s="26" t="s">
        <v>42</v>
      </c>
      <c r="C28" s="30">
        <v>507874</v>
      </c>
      <c r="D28" s="28">
        <v>6</v>
      </c>
      <c r="E28" s="114">
        <v>4.4800000000000004</v>
      </c>
      <c r="F28" s="39">
        <v>500634</v>
      </c>
      <c r="G28" s="29">
        <v>9</v>
      </c>
      <c r="H28" s="114">
        <v>-1.43</v>
      </c>
      <c r="I28" s="32">
        <v>460587</v>
      </c>
      <c r="J28" s="33">
        <v>31</v>
      </c>
      <c r="K28" s="122">
        <v>-8</v>
      </c>
      <c r="L28" s="34">
        <v>501702</v>
      </c>
      <c r="M28" s="35">
        <v>15</v>
      </c>
      <c r="N28" s="36">
        <v>8.93</v>
      </c>
      <c r="O28" s="37">
        <v>489871</v>
      </c>
      <c r="P28" s="27">
        <v>21</v>
      </c>
      <c r="Q28" s="129">
        <v>-2.36</v>
      </c>
      <c r="S28" s="38"/>
    </row>
    <row r="29" spans="1:19" ht="19.5" customHeight="1" x14ac:dyDescent="0.15">
      <c r="A29" s="25">
        <v>24</v>
      </c>
      <c r="B29" s="26" t="s">
        <v>43</v>
      </c>
      <c r="C29" s="30">
        <v>487914</v>
      </c>
      <c r="D29" s="28">
        <v>18</v>
      </c>
      <c r="E29" s="114">
        <v>-2.11</v>
      </c>
      <c r="F29" s="39">
        <v>494546</v>
      </c>
      <c r="G29" s="29">
        <v>13</v>
      </c>
      <c r="H29" s="114">
        <v>1.36</v>
      </c>
      <c r="I29" s="32">
        <v>493642</v>
      </c>
      <c r="J29" s="33">
        <v>12</v>
      </c>
      <c r="K29" s="122">
        <v>-0.18</v>
      </c>
      <c r="L29" s="34">
        <v>494423</v>
      </c>
      <c r="M29" s="35">
        <v>23</v>
      </c>
      <c r="N29" s="36">
        <v>0.16</v>
      </c>
      <c r="O29" s="37">
        <v>496316</v>
      </c>
      <c r="P29" s="27">
        <v>16</v>
      </c>
      <c r="Q29" s="129">
        <v>0.38</v>
      </c>
      <c r="S29" s="38"/>
    </row>
    <row r="30" spans="1:19" ht="19.5" customHeight="1" x14ac:dyDescent="0.15">
      <c r="A30" s="25">
        <v>25</v>
      </c>
      <c r="B30" s="26" t="s">
        <v>44</v>
      </c>
      <c r="C30" s="30">
        <v>432588</v>
      </c>
      <c r="D30" s="28">
        <v>32</v>
      </c>
      <c r="E30" s="114">
        <v>-12.12</v>
      </c>
      <c r="F30" s="39">
        <v>455094</v>
      </c>
      <c r="G30" s="29">
        <v>30</v>
      </c>
      <c r="H30" s="114">
        <v>5.2</v>
      </c>
      <c r="I30" s="32">
        <v>483701</v>
      </c>
      <c r="J30" s="33">
        <v>16</v>
      </c>
      <c r="K30" s="122">
        <v>6.29</v>
      </c>
      <c r="L30" s="34">
        <v>464481</v>
      </c>
      <c r="M30" s="35">
        <v>30</v>
      </c>
      <c r="N30" s="36">
        <v>-3.97</v>
      </c>
      <c r="O30" s="37">
        <v>434369</v>
      </c>
      <c r="P30" s="27">
        <v>33</v>
      </c>
      <c r="Q30" s="129">
        <v>-6.48</v>
      </c>
      <c r="S30" s="38"/>
    </row>
    <row r="31" spans="1:19" ht="19.5" customHeight="1" x14ac:dyDescent="0.15">
      <c r="A31" s="25">
        <v>26</v>
      </c>
      <c r="B31" s="26" t="s">
        <v>45</v>
      </c>
      <c r="C31" s="30">
        <v>490275</v>
      </c>
      <c r="D31" s="28">
        <v>14</v>
      </c>
      <c r="E31" s="114">
        <v>9.94</v>
      </c>
      <c r="F31" s="39">
        <v>475660</v>
      </c>
      <c r="G31" s="29">
        <v>22</v>
      </c>
      <c r="H31" s="114">
        <v>-2.98</v>
      </c>
      <c r="I31" s="32">
        <v>484707</v>
      </c>
      <c r="J31" s="33">
        <v>15</v>
      </c>
      <c r="K31" s="122">
        <v>1.9</v>
      </c>
      <c r="L31" s="34">
        <v>533256</v>
      </c>
      <c r="M31" s="35">
        <v>7</v>
      </c>
      <c r="N31" s="36">
        <v>10.02</v>
      </c>
      <c r="O31" s="37">
        <v>519953</v>
      </c>
      <c r="P31" s="27">
        <v>7</v>
      </c>
      <c r="Q31" s="129">
        <v>-2.4900000000000002</v>
      </c>
      <c r="S31" s="38"/>
    </row>
    <row r="32" spans="1:19" ht="19.5" customHeight="1" x14ac:dyDescent="0.15">
      <c r="A32" s="25">
        <v>27</v>
      </c>
      <c r="B32" s="26" t="s">
        <v>46</v>
      </c>
      <c r="C32" s="30">
        <v>516090</v>
      </c>
      <c r="D32" s="28">
        <v>3</v>
      </c>
      <c r="E32" s="114">
        <v>3.5</v>
      </c>
      <c r="F32" s="39">
        <v>544651</v>
      </c>
      <c r="G32" s="29">
        <v>1</v>
      </c>
      <c r="H32" s="114">
        <v>5.53</v>
      </c>
      <c r="I32" s="32">
        <v>525670</v>
      </c>
      <c r="J32" s="33">
        <v>3</v>
      </c>
      <c r="K32" s="122">
        <v>-3.48</v>
      </c>
      <c r="L32" s="34">
        <v>540019</v>
      </c>
      <c r="M32" s="35">
        <v>5</v>
      </c>
      <c r="N32" s="36">
        <v>2.73</v>
      </c>
      <c r="O32" s="37">
        <v>595639</v>
      </c>
      <c r="P32" s="27">
        <v>1</v>
      </c>
      <c r="Q32" s="129">
        <v>10.3</v>
      </c>
      <c r="S32" s="38"/>
    </row>
    <row r="33" spans="1:19" ht="19.5" customHeight="1" x14ac:dyDescent="0.15">
      <c r="A33" s="25">
        <v>28</v>
      </c>
      <c r="B33" s="26" t="s">
        <v>47</v>
      </c>
      <c r="C33" s="30">
        <v>489093</v>
      </c>
      <c r="D33" s="28">
        <v>15</v>
      </c>
      <c r="E33" s="114">
        <v>1.75</v>
      </c>
      <c r="F33" s="39">
        <v>498170</v>
      </c>
      <c r="G33" s="29">
        <v>11</v>
      </c>
      <c r="H33" s="114">
        <v>1.86</v>
      </c>
      <c r="I33" s="32">
        <v>478766</v>
      </c>
      <c r="J33" s="33">
        <v>21</v>
      </c>
      <c r="K33" s="122">
        <v>-3.9</v>
      </c>
      <c r="L33" s="34">
        <v>468346</v>
      </c>
      <c r="M33" s="35">
        <v>28</v>
      </c>
      <c r="N33" s="36">
        <v>-2.1800000000000002</v>
      </c>
      <c r="O33" s="37">
        <v>535687</v>
      </c>
      <c r="P33" s="27">
        <v>3</v>
      </c>
      <c r="Q33" s="129">
        <v>14.38</v>
      </c>
      <c r="S33" s="38"/>
    </row>
    <row r="34" spans="1:19" ht="19.5" customHeight="1" x14ac:dyDescent="0.15">
      <c r="A34" s="25">
        <v>29</v>
      </c>
      <c r="B34" s="26" t="s">
        <v>48</v>
      </c>
      <c r="C34" s="30">
        <v>488716</v>
      </c>
      <c r="D34" s="28">
        <v>16</v>
      </c>
      <c r="E34" s="114">
        <v>-5.17</v>
      </c>
      <c r="F34" s="39">
        <v>452594</v>
      </c>
      <c r="G34" s="29">
        <v>32</v>
      </c>
      <c r="H34" s="114">
        <v>-7.39</v>
      </c>
      <c r="I34" s="32">
        <v>479530</v>
      </c>
      <c r="J34" s="33">
        <v>20</v>
      </c>
      <c r="K34" s="122">
        <v>5.95</v>
      </c>
      <c r="L34" s="34">
        <v>574955</v>
      </c>
      <c r="M34" s="35">
        <v>1</v>
      </c>
      <c r="N34" s="36">
        <v>19.899999999999999</v>
      </c>
      <c r="O34" s="37">
        <v>522482</v>
      </c>
      <c r="P34" s="27">
        <v>5</v>
      </c>
      <c r="Q34" s="129">
        <v>-9.1300000000000008</v>
      </c>
      <c r="S34" s="38"/>
    </row>
    <row r="35" spans="1:19" ht="19.5" customHeight="1" x14ac:dyDescent="0.15">
      <c r="A35" s="25">
        <v>30</v>
      </c>
      <c r="B35" s="26" t="s">
        <v>49</v>
      </c>
      <c r="C35" s="30">
        <v>531556</v>
      </c>
      <c r="D35" s="28">
        <v>1</v>
      </c>
      <c r="E35" s="114">
        <v>3.3</v>
      </c>
      <c r="F35" s="39">
        <v>472052</v>
      </c>
      <c r="G35" s="29">
        <v>24</v>
      </c>
      <c r="H35" s="114">
        <v>-11.19</v>
      </c>
      <c r="I35" s="32">
        <v>494970</v>
      </c>
      <c r="J35" s="33">
        <v>10</v>
      </c>
      <c r="K35" s="122">
        <v>4.8499999999999996</v>
      </c>
      <c r="L35" s="34">
        <v>550606</v>
      </c>
      <c r="M35" s="35">
        <v>3</v>
      </c>
      <c r="N35" s="36">
        <v>11.24</v>
      </c>
      <c r="O35" s="37">
        <v>515539</v>
      </c>
      <c r="P35" s="27">
        <v>8</v>
      </c>
      <c r="Q35" s="129">
        <v>-6.37</v>
      </c>
      <c r="S35" s="38"/>
    </row>
    <row r="36" spans="1:19" ht="19.5" customHeight="1" x14ac:dyDescent="0.15">
      <c r="A36" s="25">
        <v>31</v>
      </c>
      <c r="B36" s="26" t="s">
        <v>50</v>
      </c>
      <c r="C36" s="30">
        <v>500125</v>
      </c>
      <c r="D36" s="28">
        <v>9</v>
      </c>
      <c r="E36" s="114">
        <v>3.32</v>
      </c>
      <c r="F36" s="39">
        <v>531575</v>
      </c>
      <c r="G36" s="29">
        <v>3</v>
      </c>
      <c r="H36" s="114">
        <v>6.29</v>
      </c>
      <c r="I36" s="32">
        <v>504360</v>
      </c>
      <c r="J36" s="33">
        <v>9</v>
      </c>
      <c r="K36" s="122">
        <v>-5.12</v>
      </c>
      <c r="L36" s="34">
        <v>513678</v>
      </c>
      <c r="M36" s="35">
        <v>13</v>
      </c>
      <c r="N36" s="36">
        <v>1.85</v>
      </c>
      <c r="O36" s="37">
        <v>493317</v>
      </c>
      <c r="P36" s="27">
        <v>19</v>
      </c>
      <c r="Q36" s="129">
        <v>-3.96</v>
      </c>
      <c r="S36" s="38"/>
    </row>
    <row r="37" spans="1:19" ht="19.5" customHeight="1" x14ac:dyDescent="0.15">
      <c r="A37" s="25">
        <v>32</v>
      </c>
      <c r="B37" s="26" t="s">
        <v>51</v>
      </c>
      <c r="C37" s="30">
        <v>506407</v>
      </c>
      <c r="D37" s="28">
        <v>8</v>
      </c>
      <c r="E37" s="114">
        <v>0.44</v>
      </c>
      <c r="F37" s="39">
        <v>487900</v>
      </c>
      <c r="G37" s="29">
        <v>15</v>
      </c>
      <c r="H37" s="114">
        <v>-3.65</v>
      </c>
      <c r="I37" s="32">
        <v>466696</v>
      </c>
      <c r="J37" s="33">
        <v>28</v>
      </c>
      <c r="K37" s="122">
        <v>-4.3499999999999996</v>
      </c>
      <c r="L37" s="34">
        <v>510308</v>
      </c>
      <c r="M37" s="35">
        <v>14</v>
      </c>
      <c r="N37" s="36">
        <v>9.34</v>
      </c>
      <c r="O37" s="37">
        <v>502699</v>
      </c>
      <c r="P37" s="27">
        <v>12</v>
      </c>
      <c r="Q37" s="129">
        <v>-1.49</v>
      </c>
      <c r="S37" s="38"/>
    </row>
    <row r="38" spans="1:19" ht="19.5" customHeight="1" thickBot="1" x14ac:dyDescent="0.2">
      <c r="A38" s="67">
        <v>33</v>
      </c>
      <c r="B38" s="41" t="s">
        <v>52</v>
      </c>
      <c r="C38" s="70">
        <v>432347</v>
      </c>
      <c r="D38" s="68">
        <v>33</v>
      </c>
      <c r="E38" s="117">
        <v>-11.92</v>
      </c>
      <c r="F38" s="71">
        <v>407697</v>
      </c>
      <c r="G38" s="69">
        <v>33</v>
      </c>
      <c r="H38" s="117">
        <v>-5.7</v>
      </c>
      <c r="I38" s="72">
        <v>476886</v>
      </c>
      <c r="J38" s="73">
        <v>22</v>
      </c>
      <c r="K38" s="125">
        <v>16.97</v>
      </c>
      <c r="L38" s="52">
        <v>397721</v>
      </c>
      <c r="M38" s="53">
        <v>33</v>
      </c>
      <c r="N38" s="54">
        <v>-16.600000000000001</v>
      </c>
      <c r="O38" s="45">
        <v>445099</v>
      </c>
      <c r="P38" s="42">
        <v>32</v>
      </c>
      <c r="Q38" s="132">
        <v>11.91</v>
      </c>
      <c r="S38" s="38"/>
    </row>
    <row r="39" spans="1:19" ht="19.5" customHeight="1" thickTop="1" x14ac:dyDescent="0.15">
      <c r="A39" s="25">
        <v>301</v>
      </c>
      <c r="B39" s="74" t="s">
        <v>53</v>
      </c>
      <c r="C39" s="78">
        <v>395698</v>
      </c>
      <c r="D39" s="76">
        <v>6</v>
      </c>
      <c r="E39" s="118">
        <v>2.19</v>
      </c>
      <c r="F39" s="79">
        <v>345755</v>
      </c>
      <c r="G39" s="77">
        <v>6</v>
      </c>
      <c r="H39" s="118">
        <v>-12.62</v>
      </c>
      <c r="I39" s="80">
        <v>339942</v>
      </c>
      <c r="J39" s="81">
        <v>6</v>
      </c>
      <c r="K39" s="126">
        <v>-1.68</v>
      </c>
      <c r="L39" s="63">
        <v>380791</v>
      </c>
      <c r="M39" s="64">
        <v>6</v>
      </c>
      <c r="N39" s="65">
        <v>12.02</v>
      </c>
      <c r="O39" s="75">
        <v>374657</v>
      </c>
      <c r="P39" s="55">
        <v>6</v>
      </c>
      <c r="Q39" s="133">
        <v>-1.61</v>
      </c>
      <c r="S39" s="38"/>
    </row>
    <row r="40" spans="1:19" ht="19.5" customHeight="1" x14ac:dyDescent="0.15">
      <c r="A40" s="25">
        <v>302</v>
      </c>
      <c r="B40" s="26" t="s">
        <v>54</v>
      </c>
      <c r="C40" s="30">
        <v>467176</v>
      </c>
      <c r="D40" s="28">
        <v>4</v>
      </c>
      <c r="E40" s="114">
        <v>4.82</v>
      </c>
      <c r="F40" s="39">
        <v>490433</v>
      </c>
      <c r="G40" s="29">
        <v>4</v>
      </c>
      <c r="H40" s="114">
        <v>4.9800000000000004</v>
      </c>
      <c r="I40" s="32">
        <v>479682</v>
      </c>
      <c r="J40" s="33">
        <v>3</v>
      </c>
      <c r="K40" s="122">
        <v>-2.19</v>
      </c>
      <c r="L40" s="34">
        <v>475961</v>
      </c>
      <c r="M40" s="35">
        <v>4</v>
      </c>
      <c r="N40" s="36">
        <v>-0.78</v>
      </c>
      <c r="O40" s="37">
        <v>408944</v>
      </c>
      <c r="P40" s="27">
        <v>5</v>
      </c>
      <c r="Q40" s="129">
        <v>-14.08</v>
      </c>
      <c r="S40" s="38"/>
    </row>
    <row r="41" spans="1:19" ht="19.5" customHeight="1" x14ac:dyDescent="0.15">
      <c r="A41" s="25">
        <v>303</v>
      </c>
      <c r="B41" s="26" t="s">
        <v>55</v>
      </c>
      <c r="C41" s="30">
        <v>490581</v>
      </c>
      <c r="D41" s="28">
        <v>2</v>
      </c>
      <c r="E41" s="114">
        <v>0.27</v>
      </c>
      <c r="F41" s="39">
        <v>528201</v>
      </c>
      <c r="G41" s="29">
        <v>1</v>
      </c>
      <c r="H41" s="114">
        <v>7.67</v>
      </c>
      <c r="I41" s="32">
        <v>521428</v>
      </c>
      <c r="J41" s="33">
        <v>2</v>
      </c>
      <c r="K41" s="122">
        <v>-1.28</v>
      </c>
      <c r="L41" s="34">
        <v>543218</v>
      </c>
      <c r="M41" s="35">
        <v>2</v>
      </c>
      <c r="N41" s="36">
        <v>4.18</v>
      </c>
      <c r="O41" s="37">
        <v>535928</v>
      </c>
      <c r="P41" s="27">
        <v>2</v>
      </c>
      <c r="Q41" s="129">
        <v>-1.34</v>
      </c>
      <c r="S41" s="38"/>
    </row>
    <row r="42" spans="1:19" ht="19.5" customHeight="1" x14ac:dyDescent="0.15">
      <c r="A42" s="25">
        <v>304</v>
      </c>
      <c r="B42" s="26" t="s">
        <v>56</v>
      </c>
      <c r="C42" s="30">
        <v>465262</v>
      </c>
      <c r="D42" s="28">
        <v>5</v>
      </c>
      <c r="E42" s="114">
        <v>9.9600000000000009</v>
      </c>
      <c r="F42" s="39">
        <v>434173</v>
      </c>
      <c r="G42" s="29">
        <v>5</v>
      </c>
      <c r="H42" s="114">
        <v>-6.68</v>
      </c>
      <c r="I42" s="32">
        <v>425014</v>
      </c>
      <c r="J42" s="33">
        <v>5</v>
      </c>
      <c r="K42" s="122">
        <v>-2.11</v>
      </c>
      <c r="L42" s="34">
        <v>418857</v>
      </c>
      <c r="M42" s="35">
        <v>5</v>
      </c>
      <c r="N42" s="36">
        <v>-1.45</v>
      </c>
      <c r="O42" s="37">
        <v>468827</v>
      </c>
      <c r="P42" s="27">
        <v>3</v>
      </c>
      <c r="Q42" s="129">
        <v>11.93</v>
      </c>
      <c r="S42" s="38"/>
    </row>
    <row r="43" spans="1:19" ht="19.5" customHeight="1" x14ac:dyDescent="0.15">
      <c r="A43" s="25">
        <v>305</v>
      </c>
      <c r="B43" s="26" t="s">
        <v>57</v>
      </c>
      <c r="C43" s="30">
        <v>468986</v>
      </c>
      <c r="D43" s="28">
        <v>3</v>
      </c>
      <c r="E43" s="114">
        <v>-14.89</v>
      </c>
      <c r="F43" s="39">
        <v>503319</v>
      </c>
      <c r="G43" s="29">
        <v>3</v>
      </c>
      <c r="H43" s="114">
        <v>7.32</v>
      </c>
      <c r="I43" s="32">
        <v>443497</v>
      </c>
      <c r="J43" s="33">
        <v>4</v>
      </c>
      <c r="K43" s="122">
        <v>-11.89</v>
      </c>
      <c r="L43" s="34">
        <v>499044</v>
      </c>
      <c r="M43" s="35">
        <v>3</v>
      </c>
      <c r="N43" s="36">
        <v>12.52</v>
      </c>
      <c r="O43" s="37">
        <v>456846</v>
      </c>
      <c r="P43" s="27">
        <v>4</v>
      </c>
      <c r="Q43" s="129">
        <v>-8.4600000000000009</v>
      </c>
      <c r="S43" s="38"/>
    </row>
    <row r="44" spans="1:19" ht="19.5" customHeight="1" thickBot="1" x14ac:dyDescent="0.2">
      <c r="A44" s="40">
        <v>306</v>
      </c>
      <c r="B44" s="41" t="s">
        <v>58</v>
      </c>
      <c r="C44" s="70">
        <v>528745</v>
      </c>
      <c r="D44" s="68">
        <v>1</v>
      </c>
      <c r="E44" s="117">
        <v>-0.46</v>
      </c>
      <c r="F44" s="71">
        <v>522299</v>
      </c>
      <c r="G44" s="69">
        <v>2</v>
      </c>
      <c r="H44" s="117">
        <v>-1.22</v>
      </c>
      <c r="I44" s="72">
        <v>528609</v>
      </c>
      <c r="J44" s="51">
        <v>1</v>
      </c>
      <c r="K44" s="125">
        <v>1.21</v>
      </c>
      <c r="L44" s="52">
        <v>553974</v>
      </c>
      <c r="M44" s="53">
        <v>1</v>
      </c>
      <c r="N44" s="54">
        <v>4.8</v>
      </c>
      <c r="O44" s="45">
        <v>566685</v>
      </c>
      <c r="P44" s="43">
        <v>1</v>
      </c>
      <c r="Q44" s="132">
        <v>2.29</v>
      </c>
      <c r="S44" s="38"/>
    </row>
    <row r="45" spans="1:19" ht="19.5" customHeight="1" thickTop="1" thickBot="1" x14ac:dyDescent="0.2">
      <c r="A45" s="145" t="s">
        <v>59</v>
      </c>
      <c r="B45" s="146"/>
      <c r="C45" s="86">
        <v>491820</v>
      </c>
      <c r="D45" s="85" t="s">
        <v>61</v>
      </c>
      <c r="E45" s="119">
        <v>0.25</v>
      </c>
      <c r="F45" s="87">
        <v>499129</v>
      </c>
      <c r="G45" s="88" t="s">
        <v>20</v>
      </c>
      <c r="H45" s="119">
        <v>1.49</v>
      </c>
      <c r="I45" s="89">
        <v>503684</v>
      </c>
      <c r="J45" s="90" t="s">
        <v>61</v>
      </c>
      <c r="K45" s="127">
        <v>0.91</v>
      </c>
      <c r="L45" s="91">
        <v>516429</v>
      </c>
      <c r="M45" s="92" t="s">
        <v>61</v>
      </c>
      <c r="N45" s="93">
        <v>2.5299999999999998</v>
      </c>
      <c r="O45" s="94">
        <v>508436</v>
      </c>
      <c r="P45" s="83" t="s">
        <v>61</v>
      </c>
      <c r="Q45" s="134">
        <v>-1.55</v>
      </c>
      <c r="S45" s="38"/>
    </row>
    <row r="46" spans="1:19" ht="19.5" customHeight="1" thickTop="1" thickBot="1" x14ac:dyDescent="0.2">
      <c r="A46" s="145" t="s">
        <v>62</v>
      </c>
      <c r="B46" s="146"/>
      <c r="C46" s="95">
        <v>502520</v>
      </c>
      <c r="D46" s="84" t="s">
        <v>61</v>
      </c>
      <c r="E46" s="120">
        <v>-0.87</v>
      </c>
      <c r="F46" s="96">
        <v>506544</v>
      </c>
      <c r="G46" s="97" t="s">
        <v>20</v>
      </c>
      <c r="H46" s="120">
        <v>0.8</v>
      </c>
      <c r="I46" s="98">
        <v>502775</v>
      </c>
      <c r="J46" s="90" t="s">
        <v>61</v>
      </c>
      <c r="K46" s="127">
        <v>-0.74</v>
      </c>
      <c r="L46" s="99">
        <v>526902</v>
      </c>
      <c r="M46" s="100" t="s">
        <v>61</v>
      </c>
      <c r="N46" s="101">
        <v>4.8</v>
      </c>
      <c r="O46" s="82">
        <v>523687</v>
      </c>
      <c r="P46" s="83" t="s">
        <v>61</v>
      </c>
      <c r="Q46" s="134">
        <v>-0.61</v>
      </c>
      <c r="S46" s="38"/>
    </row>
    <row r="47" spans="1:19" ht="19.5" customHeight="1" thickTop="1" thickBot="1" x14ac:dyDescent="0.2">
      <c r="A47" s="136" t="s">
        <v>63</v>
      </c>
      <c r="B47" s="137"/>
      <c r="C47" s="105">
        <v>492070</v>
      </c>
      <c r="D47" s="104" t="s">
        <v>61</v>
      </c>
      <c r="E47" s="121">
        <v>0.22</v>
      </c>
      <c r="F47" s="106">
        <v>499300</v>
      </c>
      <c r="G47" s="107" t="s">
        <v>60</v>
      </c>
      <c r="H47" s="121">
        <v>1.47</v>
      </c>
      <c r="I47" s="108">
        <v>503663</v>
      </c>
      <c r="J47" s="109" t="s">
        <v>61</v>
      </c>
      <c r="K47" s="128">
        <v>0.87</v>
      </c>
      <c r="L47" s="110">
        <v>516655</v>
      </c>
      <c r="M47" s="111" t="s">
        <v>61</v>
      </c>
      <c r="N47" s="112">
        <v>2.58</v>
      </c>
      <c r="O47" s="102">
        <v>508748</v>
      </c>
      <c r="P47" s="103" t="s">
        <v>61</v>
      </c>
      <c r="Q47" s="135">
        <v>-1.53</v>
      </c>
      <c r="S47" s="38"/>
    </row>
    <row r="48" spans="1:19" x14ac:dyDescent="0.15">
      <c r="A48" s="113"/>
    </row>
  </sheetData>
  <mergeCells count="9">
    <mergeCell ref="A47:B47"/>
    <mergeCell ref="F3:H3"/>
    <mergeCell ref="I3:K3"/>
    <mergeCell ref="L3:N3"/>
    <mergeCell ref="O3:Q3"/>
    <mergeCell ref="A45:B45"/>
    <mergeCell ref="A46:B46"/>
    <mergeCell ref="C3:E3"/>
    <mergeCell ref="A3:B5"/>
  </mergeCells>
  <phoneticPr fontId="3"/>
  <printOptions horizontalCentered="1" gridLinesSet="0"/>
  <pageMargins left="0.7" right="0.7" top="0.75" bottom="0.75" header="0.3" footer="0.3"/>
  <pageSetup paperSize="9" scale="88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人当たり前期諸費</vt:lpstr>
      <vt:lpstr>一人当たり前期諸費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1:40:19Z</cp:lastPrinted>
  <dcterms:created xsi:type="dcterms:W3CDTF">2018-03-07T07:48:13Z</dcterms:created>
  <dcterms:modified xsi:type="dcterms:W3CDTF">2018-03-09T01:40:31Z</dcterms:modified>
</cp:coreProperties>
</file>